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8" uniqueCount="433">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斐川生協病院</t>
    <phoneticPr fontId="3"/>
  </si>
  <si>
    <t>〒699-0631 出雲市斐川町直江４８８３番地１</t>
    <phoneticPr fontId="3"/>
  </si>
  <si>
    <t>2004</t>
  </si>
  <si>
    <t>3</t>
  </si>
  <si>
    <t>〇</t>
  </si>
  <si>
    <t>医療生協</t>
  </si>
  <si>
    <t>内科</t>
  </si>
  <si>
    <t>療養病棟入院料１</t>
  </si>
  <si>
    <t>ＤＰＣ病院ではない</t>
  </si>
  <si>
    <t>無</t>
  </si>
  <si>
    <t>届出無し</t>
  </si>
  <si>
    <t>有</t>
  </si>
  <si>
    <t>-</t>
    <phoneticPr fontId="3"/>
  </si>
  <si>
    <t>2階病棟</t>
  </si>
  <si>
    <t>慢性期機能</t>
  </si>
  <si>
    <t>3階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15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J6" sqref="J6"/>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2</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29</v>
      </c>
      <c r="M9" s="244" t="s">
        <v>431</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29</v>
      </c>
      <c r="M16" s="223" t="s">
        <v>431</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c r="M18" s="20"/>
    </row>
    <row r="19" spans="1:22" s="17" customFormat="1" ht="34.5" customHeight="1" x14ac:dyDescent="0.15">
      <c r="A19" s="189" t="s">
        <v>267</v>
      </c>
      <c r="B19" s="19"/>
      <c r="C19" s="15"/>
      <c r="D19" s="15"/>
      <c r="E19" s="15"/>
      <c r="F19" s="15"/>
      <c r="G19" s="15"/>
      <c r="H19" s="16"/>
      <c r="I19" s="279" t="s">
        <v>2</v>
      </c>
      <c r="J19" s="279"/>
      <c r="K19" s="279"/>
      <c r="L19" s="22"/>
      <c r="M19" s="22"/>
    </row>
    <row r="20" spans="1:22" s="17" customFormat="1" ht="34.5" customHeight="1" x14ac:dyDescent="0.15">
      <c r="A20" s="189" t="s">
        <v>267</v>
      </c>
      <c r="B20" s="13"/>
      <c r="C20" s="15"/>
      <c r="D20" s="15"/>
      <c r="E20" s="15"/>
      <c r="F20" s="15"/>
      <c r="G20" s="15"/>
      <c r="H20" s="16"/>
      <c r="I20" s="279" t="s">
        <v>3</v>
      </c>
      <c r="J20" s="279"/>
      <c r="K20" s="279"/>
      <c r="L20" s="21" t="s">
        <v>420</v>
      </c>
      <c r="M20" s="21" t="s">
        <v>420</v>
      </c>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29</v>
      </c>
      <c r="M28" s="223" t="s">
        <v>431</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c r="M30" s="20"/>
    </row>
    <row r="31" spans="1:22" s="17" customFormat="1" ht="34.5" customHeight="1" x14ac:dyDescent="0.15">
      <c r="A31" s="189" t="s">
        <v>268</v>
      </c>
      <c r="B31" s="19"/>
      <c r="C31" s="15"/>
      <c r="D31" s="15"/>
      <c r="E31" s="15"/>
      <c r="F31" s="15"/>
      <c r="G31" s="15"/>
      <c r="H31" s="16"/>
      <c r="I31" s="283" t="s">
        <v>2</v>
      </c>
      <c r="J31" s="284"/>
      <c r="K31" s="285"/>
      <c r="L31" s="22"/>
      <c r="M31" s="22"/>
    </row>
    <row r="32" spans="1:22" s="17" customFormat="1" ht="34.5" customHeight="1" x14ac:dyDescent="0.15">
      <c r="A32" s="189" t="s">
        <v>268</v>
      </c>
      <c r="B32" s="13"/>
      <c r="C32" s="15"/>
      <c r="D32" s="15"/>
      <c r="E32" s="15"/>
      <c r="F32" s="15"/>
      <c r="G32" s="15"/>
      <c r="H32" s="16"/>
      <c r="I32" s="283" t="s">
        <v>3</v>
      </c>
      <c r="J32" s="284"/>
      <c r="K32" s="285"/>
      <c r="L32" s="21" t="s">
        <v>420</v>
      </c>
      <c r="M32" s="21" t="s">
        <v>420</v>
      </c>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29</v>
      </c>
      <c r="M41" s="223" t="s">
        <v>431</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29</v>
      </c>
      <c r="M50" s="223" t="s">
        <v>431</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29</v>
      </c>
      <c r="M95" s="205" t="s">
        <v>431</v>
      </c>
    </row>
    <row r="96" spans="1:13" s="17" customFormat="1" x14ac:dyDescent="0.15">
      <c r="A96" s="188"/>
      <c r="B96" s="1"/>
      <c r="C96" s="3"/>
      <c r="D96" s="3"/>
      <c r="E96" s="3"/>
      <c r="F96" s="3"/>
      <c r="G96" s="3"/>
      <c r="H96" s="228"/>
      <c r="I96" s="57" t="s">
        <v>28</v>
      </c>
      <c r="J96" s="58"/>
      <c r="K96" s="59"/>
      <c r="L96" s="205" t="s">
        <v>430</v>
      </c>
      <c r="M96" s="205" t="s">
        <v>430</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29</v>
      </c>
      <c r="M103" s="56" t="s">
        <v>431</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0</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0</v>
      </c>
      <c r="K105" s="182" t="str">
        <f>IF(OR(COUNTIF(L105:M105,"未確認")&gt;0,COUNTIF(L105:M105,"~*")&gt;0),"※","")</f>
        <v/>
      </c>
      <c r="L105" s="201">
        <v>0</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0</v>
      </c>
      <c r="K107" s="182" t="str">
        <f>IF(OR(COUNTIF(L107:M107,"未確認")&gt;0,COUNTIF(L107:M107,"~*")&gt;0),"※","")</f>
        <v/>
      </c>
      <c r="L107" s="201">
        <v>0</v>
      </c>
      <c r="M107" s="201">
        <v>0</v>
      </c>
    </row>
    <row r="108" spans="1:22" s="70" customFormat="1" ht="34.5" customHeight="1" x14ac:dyDescent="0.15">
      <c r="A108" s="189" t="s">
        <v>273</v>
      </c>
      <c r="B108" s="71"/>
      <c r="C108" s="271"/>
      <c r="D108" s="272"/>
      <c r="E108" s="299" t="s">
        <v>201</v>
      </c>
      <c r="F108" s="300"/>
      <c r="G108" s="300"/>
      <c r="H108" s="301"/>
      <c r="I108" s="294"/>
      <c r="J108" s="199">
        <f t="shared" si="0"/>
        <v>0</v>
      </c>
      <c r="K108" s="182" t="str">
        <f t="shared" ref="K108:K117" si="1">IF(OR(COUNTIF(L107:M107,"未確認")&gt;0,COUNTIF(L107:M107,"~*")&gt;0),"※","")</f>
        <v/>
      </c>
      <c r="L108" s="201">
        <v>0</v>
      </c>
      <c r="M108" s="201">
        <v>0</v>
      </c>
    </row>
    <row r="109" spans="1:22" s="70" customFormat="1" ht="34.5" customHeight="1" x14ac:dyDescent="0.15">
      <c r="A109" s="189" t="s">
        <v>276</v>
      </c>
      <c r="B109" s="71"/>
      <c r="C109" s="267" t="s">
        <v>37</v>
      </c>
      <c r="D109" s="268"/>
      <c r="E109" s="267" t="s">
        <v>34</v>
      </c>
      <c r="F109" s="273"/>
      <c r="G109" s="273"/>
      <c r="H109" s="268"/>
      <c r="I109" s="294"/>
      <c r="J109" s="199">
        <f t="shared" si="0"/>
        <v>120</v>
      </c>
      <c r="K109" s="182" t="str">
        <f t="shared" si="1"/>
        <v/>
      </c>
      <c r="L109" s="201">
        <v>60</v>
      </c>
      <c r="M109" s="201">
        <v>60</v>
      </c>
    </row>
    <row r="110" spans="1:22" s="70" customFormat="1" ht="34.5" customHeight="1" x14ac:dyDescent="0.15">
      <c r="A110" s="189" t="s">
        <v>277</v>
      </c>
      <c r="B110" s="71"/>
      <c r="C110" s="269"/>
      <c r="D110" s="270"/>
      <c r="E110" s="274"/>
      <c r="F110" s="275"/>
      <c r="G110" s="261" t="s">
        <v>38</v>
      </c>
      <c r="H110" s="263"/>
      <c r="I110" s="294"/>
      <c r="J110" s="199">
        <f t="shared" si="0"/>
        <v>120</v>
      </c>
      <c r="K110" s="182" t="str">
        <f t="shared" si="1"/>
        <v/>
      </c>
      <c r="L110" s="201">
        <v>60</v>
      </c>
      <c r="M110" s="201">
        <v>6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120</v>
      </c>
      <c r="K112" s="182" t="str">
        <f t="shared" si="1"/>
        <v/>
      </c>
      <c r="L112" s="201">
        <v>60</v>
      </c>
      <c r="M112" s="201">
        <v>60</v>
      </c>
    </row>
    <row r="113" spans="1:22" s="70" customFormat="1" ht="34.5" customHeight="1" x14ac:dyDescent="0.15">
      <c r="A113" s="189" t="s">
        <v>277</v>
      </c>
      <c r="B113" s="71"/>
      <c r="C113" s="269"/>
      <c r="D113" s="270"/>
      <c r="E113" s="274"/>
      <c r="F113" s="275"/>
      <c r="G113" s="261" t="s">
        <v>38</v>
      </c>
      <c r="H113" s="263"/>
      <c r="I113" s="294"/>
      <c r="J113" s="199">
        <f t="shared" si="0"/>
        <v>120</v>
      </c>
      <c r="K113" s="182" t="str">
        <f t="shared" si="1"/>
        <v/>
      </c>
      <c r="L113" s="201">
        <v>60</v>
      </c>
      <c r="M113" s="201">
        <v>6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120</v>
      </c>
      <c r="K115" s="182" t="str">
        <f t="shared" si="1"/>
        <v/>
      </c>
      <c r="L115" s="201">
        <v>60</v>
      </c>
      <c r="M115" s="201">
        <v>60</v>
      </c>
    </row>
    <row r="116" spans="1:22" s="70" customFormat="1" ht="34.5" customHeight="1" x14ac:dyDescent="0.15">
      <c r="A116" s="189" t="s">
        <v>277</v>
      </c>
      <c r="B116" s="71"/>
      <c r="C116" s="269"/>
      <c r="D116" s="270"/>
      <c r="E116" s="277"/>
      <c r="F116" s="278"/>
      <c r="G116" s="299" t="s">
        <v>38</v>
      </c>
      <c r="H116" s="301"/>
      <c r="I116" s="294"/>
      <c r="J116" s="199">
        <f t="shared" si="0"/>
        <v>120</v>
      </c>
      <c r="K116" s="182" t="str">
        <f t="shared" si="1"/>
        <v/>
      </c>
      <c r="L116" s="201">
        <v>60</v>
      </c>
      <c r="M116" s="201">
        <v>6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1</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1</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0</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23</v>
      </c>
    </row>
    <row r="138" spans="1:22" s="70" customFormat="1" ht="34.5" customHeight="1" x14ac:dyDescent="0.15">
      <c r="A138" s="189" t="s">
        <v>286</v>
      </c>
      <c r="B138" s="71"/>
      <c r="C138" s="236"/>
      <c r="D138" s="238"/>
      <c r="E138" s="261" t="s">
        <v>45</v>
      </c>
      <c r="F138" s="262"/>
      <c r="G138" s="262"/>
      <c r="H138" s="263"/>
      <c r="I138" s="292"/>
      <c r="J138" s="84"/>
      <c r="K138" s="85"/>
      <c r="L138" s="69">
        <v>60</v>
      </c>
      <c r="M138" s="69">
        <v>60</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1</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0</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1</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0</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row>
    <row r="161" spans="1:22" s="70" customFormat="1" ht="34.5" customHeight="1" x14ac:dyDescent="0.15">
      <c r="A161" s="192" t="s">
        <v>295</v>
      </c>
      <c r="B161" s="99"/>
      <c r="C161" s="261" t="s">
        <v>53</v>
      </c>
      <c r="D161" s="262"/>
      <c r="E161" s="262"/>
      <c r="F161" s="262"/>
      <c r="G161" s="262"/>
      <c r="H161" s="263"/>
      <c r="I161" s="312"/>
      <c r="J161" s="203" t="s">
        <v>425</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1</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0</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5</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5</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1</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0</v>
      </c>
      <c r="M177" s="111" t="s">
        <v>430</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6</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7</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5</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1</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0</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3</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1.8</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21</v>
      </c>
      <c r="K192" s="68" t="str">
        <f t="shared" si="2"/>
        <v/>
      </c>
      <c r="L192" s="117">
        <v>9</v>
      </c>
      <c r="M192" s="117">
        <v>12</v>
      </c>
    </row>
    <row r="193" spans="1:13" s="70" customFormat="1" ht="34.5" customHeight="1" x14ac:dyDescent="0.15">
      <c r="A193" s="193" t="s">
        <v>303</v>
      </c>
      <c r="B193" s="100"/>
      <c r="C193" s="308"/>
      <c r="D193" s="308"/>
      <c r="E193" s="308"/>
      <c r="F193" s="308"/>
      <c r="G193" s="308" t="s">
        <v>70</v>
      </c>
      <c r="H193" s="308"/>
      <c r="I193" s="315"/>
      <c r="J193" s="207">
        <f t="shared" si="3"/>
        <v>1.7000000000000002</v>
      </c>
      <c r="K193" s="68" t="str">
        <f t="shared" si="2"/>
        <v/>
      </c>
      <c r="L193" s="118">
        <v>0.9</v>
      </c>
      <c r="M193" s="118">
        <v>0.8</v>
      </c>
    </row>
    <row r="194" spans="1:13" s="70" customFormat="1" ht="34.5" customHeight="1" x14ac:dyDescent="0.15">
      <c r="A194" s="193" t="s">
        <v>304</v>
      </c>
      <c r="B194" s="100"/>
      <c r="C194" s="308" t="s">
        <v>73</v>
      </c>
      <c r="D194" s="313"/>
      <c r="E194" s="313"/>
      <c r="F194" s="313"/>
      <c r="G194" s="308" t="s">
        <v>68</v>
      </c>
      <c r="H194" s="308"/>
      <c r="I194" s="315"/>
      <c r="J194" s="207">
        <f t="shared" si="3"/>
        <v>10</v>
      </c>
      <c r="K194" s="68" t="str">
        <f t="shared" si="2"/>
        <v/>
      </c>
      <c r="L194" s="117">
        <v>6</v>
      </c>
      <c r="M194" s="117">
        <v>4</v>
      </c>
    </row>
    <row r="195" spans="1:13" s="70" customFormat="1" ht="34.5" customHeight="1" x14ac:dyDescent="0.15">
      <c r="A195" s="193" t="s">
        <v>304</v>
      </c>
      <c r="B195" s="100"/>
      <c r="C195" s="313"/>
      <c r="D195" s="313"/>
      <c r="E195" s="313"/>
      <c r="F195" s="313"/>
      <c r="G195" s="308" t="s">
        <v>70</v>
      </c>
      <c r="H195" s="308"/>
      <c r="I195" s="315"/>
      <c r="J195" s="207">
        <f t="shared" si="3"/>
        <v>1.5</v>
      </c>
      <c r="K195" s="68" t="str">
        <f t="shared" si="2"/>
        <v/>
      </c>
      <c r="L195" s="118">
        <v>0.6</v>
      </c>
      <c r="M195" s="118">
        <v>0.9</v>
      </c>
    </row>
    <row r="196" spans="1:13" s="70" customFormat="1" ht="34.5" customHeight="1" x14ac:dyDescent="0.15">
      <c r="A196" s="193" t="s">
        <v>305</v>
      </c>
      <c r="B196" s="100"/>
      <c r="C196" s="308" t="s">
        <v>74</v>
      </c>
      <c r="D196" s="313"/>
      <c r="E196" s="313"/>
      <c r="F196" s="313"/>
      <c r="G196" s="308" t="s">
        <v>68</v>
      </c>
      <c r="H196" s="308"/>
      <c r="I196" s="315"/>
      <c r="J196" s="207">
        <f t="shared" si="3"/>
        <v>22</v>
      </c>
      <c r="K196" s="68" t="str">
        <f t="shared" si="2"/>
        <v/>
      </c>
      <c r="L196" s="117">
        <v>11</v>
      </c>
      <c r="M196" s="117">
        <v>11</v>
      </c>
    </row>
    <row r="197" spans="1:13" s="70" customFormat="1" ht="34.5" customHeight="1" x14ac:dyDescent="0.15">
      <c r="A197" s="193" t="s">
        <v>305</v>
      </c>
      <c r="B197" s="100"/>
      <c r="C197" s="313"/>
      <c r="D197" s="313"/>
      <c r="E197" s="313"/>
      <c r="F197" s="313"/>
      <c r="G197" s="308" t="s">
        <v>70</v>
      </c>
      <c r="H197" s="308"/>
      <c r="I197" s="315"/>
      <c r="J197" s="207">
        <f t="shared" si="3"/>
        <v>9.5</v>
      </c>
      <c r="K197" s="68" t="str">
        <f t="shared" si="2"/>
        <v/>
      </c>
      <c r="L197" s="118">
        <v>5</v>
      </c>
      <c r="M197" s="118">
        <v>4.5</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0</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0</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0</v>
      </c>
      <c r="K214" s="68" t="str">
        <f t="shared" si="2"/>
        <v/>
      </c>
      <c r="L214" s="117">
        <v>0</v>
      </c>
      <c r="M214" s="117">
        <v>0</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1</v>
      </c>
      <c r="N220" s="117">
        <v>20</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1.3</v>
      </c>
      <c r="N221" s="118">
        <v>2.6</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1</v>
      </c>
      <c r="N222" s="117">
        <v>11</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2.2999999999999998</v>
      </c>
      <c r="N223" s="118">
        <v>1.6</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6</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3</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1</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2</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1</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0</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1</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2</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2</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1</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0</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1</v>
      </c>
    </row>
    <row r="291" spans="1:22" s="98" customFormat="1" ht="20.25" customHeight="1" x14ac:dyDescent="0.15">
      <c r="A291" s="188"/>
      <c r="B291" s="1"/>
      <c r="C291" s="3"/>
      <c r="D291" s="3"/>
      <c r="E291" s="3"/>
      <c r="F291" s="3"/>
      <c r="G291" s="3"/>
      <c r="H291" s="228"/>
      <c r="I291" s="57" t="s">
        <v>28</v>
      </c>
      <c r="J291" s="135"/>
      <c r="K291" s="67"/>
      <c r="L291" s="111" t="s">
        <v>430</v>
      </c>
      <c r="M291" s="111" t="s">
        <v>430</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1</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0</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180</v>
      </c>
      <c r="K315" s="68" t="str">
        <f t="shared" ref="K315:K320" si="6">IF(OR(COUNTIF(L315:M315,"未確認")&gt;0,COUNTIF(L315:M315,"~*")&gt;0),"※","")</f>
        <v/>
      </c>
      <c r="L315" s="117">
        <v>97</v>
      </c>
      <c r="M315" s="117">
        <v>83</v>
      </c>
    </row>
    <row r="316" spans="1:22" s="70" customFormat="1" ht="34.5" customHeight="1" x14ac:dyDescent="0.15">
      <c r="A316" s="193" t="s">
        <v>352</v>
      </c>
      <c r="B316" s="71"/>
      <c r="C316" s="334"/>
      <c r="D316" s="330"/>
      <c r="E316" s="261" t="s">
        <v>140</v>
      </c>
      <c r="F316" s="262"/>
      <c r="G316" s="262"/>
      <c r="H316" s="263"/>
      <c r="I316" s="329"/>
      <c r="J316" s="114">
        <f t="shared" si="5"/>
        <v>135</v>
      </c>
      <c r="K316" s="68" t="str">
        <f t="shared" si="6"/>
        <v/>
      </c>
      <c r="L316" s="117">
        <v>69</v>
      </c>
      <c r="M316" s="117">
        <v>66</v>
      </c>
    </row>
    <row r="317" spans="1:22" s="70" customFormat="1" ht="34.5" customHeight="1" x14ac:dyDescent="0.15">
      <c r="A317" s="194" t="s">
        <v>353</v>
      </c>
      <c r="B317" s="71"/>
      <c r="C317" s="334"/>
      <c r="D317" s="331"/>
      <c r="E317" s="261" t="s">
        <v>141</v>
      </c>
      <c r="F317" s="262"/>
      <c r="G317" s="262"/>
      <c r="H317" s="263"/>
      <c r="I317" s="329"/>
      <c r="J317" s="114">
        <f t="shared" si="5"/>
        <v>45</v>
      </c>
      <c r="K317" s="68" t="str">
        <f t="shared" si="6"/>
        <v/>
      </c>
      <c r="L317" s="117">
        <v>28</v>
      </c>
      <c r="M317" s="117">
        <v>17</v>
      </c>
    </row>
    <row r="318" spans="1:22" s="70" customFormat="1" ht="34.5" customHeight="1" x14ac:dyDescent="0.15">
      <c r="A318" s="194" t="s">
        <v>354</v>
      </c>
      <c r="B318" s="71"/>
      <c r="C318" s="334"/>
      <c r="D318" s="332"/>
      <c r="E318" s="261" t="s">
        <v>142</v>
      </c>
      <c r="F318" s="262"/>
      <c r="G318" s="262"/>
      <c r="H318" s="263"/>
      <c r="I318" s="329"/>
      <c r="J318" s="114">
        <f t="shared" si="5"/>
        <v>0</v>
      </c>
      <c r="K318" s="68" t="str">
        <f t="shared" si="6"/>
        <v/>
      </c>
      <c r="L318" s="117">
        <v>0</v>
      </c>
      <c r="M318" s="117">
        <v>0</v>
      </c>
    </row>
    <row r="319" spans="1:22" s="70" customFormat="1" ht="34.5" customHeight="1" x14ac:dyDescent="0.15">
      <c r="A319" s="194" t="s">
        <v>355</v>
      </c>
      <c r="B319" s="1"/>
      <c r="C319" s="334"/>
      <c r="D319" s="261" t="s">
        <v>143</v>
      </c>
      <c r="E319" s="262"/>
      <c r="F319" s="262"/>
      <c r="G319" s="262"/>
      <c r="H319" s="263"/>
      <c r="I319" s="329"/>
      <c r="J319" s="114">
        <f t="shared" si="5"/>
        <v>300</v>
      </c>
      <c r="K319" s="68" t="str">
        <f t="shared" si="6"/>
        <v/>
      </c>
      <c r="L319" s="117">
        <v>157</v>
      </c>
      <c r="M319" s="117">
        <v>143</v>
      </c>
    </row>
    <row r="320" spans="1:22" s="70" customFormat="1" ht="34.5" customHeight="1" x14ac:dyDescent="0.15">
      <c r="A320" s="194" t="s">
        <v>356</v>
      </c>
      <c r="B320" s="99"/>
      <c r="C320" s="334"/>
      <c r="D320" s="261" t="s">
        <v>144</v>
      </c>
      <c r="E320" s="262"/>
      <c r="F320" s="262"/>
      <c r="G320" s="262"/>
      <c r="H320" s="263"/>
      <c r="I320" s="320"/>
      <c r="J320" s="114">
        <f t="shared" si="5"/>
        <v>183</v>
      </c>
      <c r="K320" s="68" t="str">
        <f t="shared" si="6"/>
        <v/>
      </c>
      <c r="L320" s="117">
        <v>101</v>
      </c>
      <c r="M320" s="117">
        <v>82</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1</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0</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180</v>
      </c>
      <c r="K328" s="68" t="str">
        <f t="shared" ref="K328:K345" si="8">IF(OR(COUNTIF(L328:M328,"未確認")&gt;0,COUNTIF(L328:M328,"~*")&gt;0),"※","")</f>
        <v/>
      </c>
      <c r="L328" s="117">
        <v>97</v>
      </c>
      <c r="M328" s="117">
        <v>83</v>
      </c>
    </row>
    <row r="329" spans="1:22" s="70" customFormat="1" ht="34.5" customHeight="1" x14ac:dyDescent="0.15">
      <c r="A329" s="195" t="s">
        <v>359</v>
      </c>
      <c r="B329" s="99"/>
      <c r="C329" s="333"/>
      <c r="D329" s="352" t="s">
        <v>145</v>
      </c>
      <c r="E329" s="271" t="s">
        <v>146</v>
      </c>
      <c r="F329" s="291"/>
      <c r="G329" s="291"/>
      <c r="H329" s="272"/>
      <c r="I329" s="344"/>
      <c r="J329" s="114">
        <f t="shared" si="7"/>
        <v>0</v>
      </c>
      <c r="K329" s="68" t="str">
        <f t="shared" si="8"/>
        <v/>
      </c>
      <c r="L329" s="117">
        <v>0</v>
      </c>
      <c r="M329" s="117">
        <v>0</v>
      </c>
    </row>
    <row r="330" spans="1:22" s="70" customFormat="1" ht="34.5" customHeight="1" x14ac:dyDescent="0.15">
      <c r="A330" s="195" t="s">
        <v>360</v>
      </c>
      <c r="B330" s="99"/>
      <c r="C330" s="333"/>
      <c r="D330" s="333"/>
      <c r="E330" s="261" t="s">
        <v>147</v>
      </c>
      <c r="F330" s="262"/>
      <c r="G330" s="262"/>
      <c r="H330" s="263"/>
      <c r="I330" s="344"/>
      <c r="J330" s="114">
        <f t="shared" si="7"/>
        <v>66</v>
      </c>
      <c r="K330" s="68" t="str">
        <f t="shared" si="8"/>
        <v/>
      </c>
      <c r="L330" s="117">
        <v>42</v>
      </c>
      <c r="M330" s="117">
        <v>24</v>
      </c>
    </row>
    <row r="331" spans="1:22" s="70" customFormat="1" ht="34.5" customHeight="1" x14ac:dyDescent="0.15">
      <c r="A331" s="195" t="s">
        <v>361</v>
      </c>
      <c r="B331" s="99"/>
      <c r="C331" s="333"/>
      <c r="D331" s="333"/>
      <c r="E331" s="261" t="s">
        <v>148</v>
      </c>
      <c r="F331" s="262"/>
      <c r="G331" s="262"/>
      <c r="H331" s="263"/>
      <c r="I331" s="344"/>
      <c r="J331" s="114">
        <f t="shared" si="7"/>
        <v>96</v>
      </c>
      <c r="K331" s="68" t="str">
        <f t="shared" si="8"/>
        <v/>
      </c>
      <c r="L331" s="117">
        <v>49</v>
      </c>
      <c r="M331" s="117">
        <v>47</v>
      </c>
    </row>
    <row r="332" spans="1:22" s="70" customFormat="1" ht="34.5" customHeight="1" x14ac:dyDescent="0.15">
      <c r="A332" s="195" t="s">
        <v>362</v>
      </c>
      <c r="B332" s="99"/>
      <c r="C332" s="333"/>
      <c r="D332" s="333"/>
      <c r="E332" s="299" t="s">
        <v>246</v>
      </c>
      <c r="F332" s="300"/>
      <c r="G332" s="300"/>
      <c r="H332" s="301"/>
      <c r="I332" s="344"/>
      <c r="J332" s="114">
        <f t="shared" si="7"/>
        <v>18</v>
      </c>
      <c r="K332" s="68" t="str">
        <f t="shared" si="8"/>
        <v/>
      </c>
      <c r="L332" s="117">
        <v>6</v>
      </c>
      <c r="M332" s="117">
        <v>12</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183</v>
      </c>
      <c r="K336" s="68" t="str">
        <f t="shared" si="8"/>
        <v/>
      </c>
      <c r="L336" s="117">
        <v>101</v>
      </c>
      <c r="M336" s="117">
        <v>82</v>
      </c>
    </row>
    <row r="337" spans="1:22" s="70" customFormat="1" ht="34.5" customHeight="1" x14ac:dyDescent="0.15">
      <c r="A337" s="195" t="s">
        <v>367</v>
      </c>
      <c r="B337" s="99"/>
      <c r="C337" s="333"/>
      <c r="D337" s="352" t="s">
        <v>150</v>
      </c>
      <c r="E337" s="271" t="s">
        <v>151</v>
      </c>
      <c r="F337" s="291"/>
      <c r="G337" s="291"/>
      <c r="H337" s="272"/>
      <c r="I337" s="344"/>
      <c r="J337" s="114">
        <f t="shared" si="7"/>
        <v>0</v>
      </c>
      <c r="K337" s="68" t="str">
        <f t="shared" si="8"/>
        <v/>
      </c>
      <c r="L337" s="117">
        <v>0</v>
      </c>
      <c r="M337" s="117">
        <v>0</v>
      </c>
    </row>
    <row r="338" spans="1:22" s="70" customFormat="1" ht="34.5" customHeight="1" x14ac:dyDescent="0.15">
      <c r="A338" s="195" t="s">
        <v>368</v>
      </c>
      <c r="B338" s="99"/>
      <c r="C338" s="333"/>
      <c r="D338" s="333"/>
      <c r="E338" s="261" t="s">
        <v>152</v>
      </c>
      <c r="F338" s="262"/>
      <c r="G338" s="262"/>
      <c r="H338" s="263"/>
      <c r="I338" s="344"/>
      <c r="J338" s="114">
        <f t="shared" si="7"/>
        <v>41</v>
      </c>
      <c r="K338" s="68" t="str">
        <f t="shared" si="8"/>
        <v/>
      </c>
      <c r="L338" s="117">
        <v>25</v>
      </c>
      <c r="M338" s="117">
        <v>16</v>
      </c>
    </row>
    <row r="339" spans="1:22" s="70" customFormat="1" ht="34.5" customHeight="1" x14ac:dyDescent="0.15">
      <c r="A339" s="195" t="s">
        <v>369</v>
      </c>
      <c r="B339" s="99"/>
      <c r="C339" s="333"/>
      <c r="D339" s="333"/>
      <c r="E339" s="261" t="s">
        <v>153</v>
      </c>
      <c r="F339" s="262"/>
      <c r="G339" s="262"/>
      <c r="H339" s="263"/>
      <c r="I339" s="344"/>
      <c r="J339" s="114">
        <f t="shared" si="7"/>
        <v>15</v>
      </c>
      <c r="K339" s="68" t="str">
        <f t="shared" si="8"/>
        <v/>
      </c>
      <c r="L339" s="117">
        <v>10</v>
      </c>
      <c r="M339" s="117">
        <v>5</v>
      </c>
    </row>
    <row r="340" spans="1:22" s="70" customFormat="1" ht="34.5" customHeight="1" x14ac:dyDescent="0.15">
      <c r="A340" s="195" t="s">
        <v>370</v>
      </c>
      <c r="B340" s="99"/>
      <c r="C340" s="333"/>
      <c r="D340" s="333"/>
      <c r="E340" s="261" t="s">
        <v>154</v>
      </c>
      <c r="F340" s="262"/>
      <c r="G340" s="262"/>
      <c r="H340" s="263"/>
      <c r="I340" s="344"/>
      <c r="J340" s="114">
        <f t="shared" si="7"/>
        <v>4</v>
      </c>
      <c r="K340" s="68" t="str">
        <f t="shared" si="8"/>
        <v/>
      </c>
      <c r="L340" s="117">
        <v>2</v>
      </c>
      <c r="M340" s="117">
        <v>2</v>
      </c>
    </row>
    <row r="341" spans="1:22" s="70" customFormat="1" ht="34.5" customHeight="1" x14ac:dyDescent="0.15">
      <c r="A341" s="195" t="s">
        <v>371</v>
      </c>
      <c r="B341" s="99"/>
      <c r="C341" s="333"/>
      <c r="D341" s="333"/>
      <c r="E341" s="261" t="s">
        <v>155</v>
      </c>
      <c r="F341" s="262"/>
      <c r="G341" s="262"/>
      <c r="H341" s="263"/>
      <c r="I341" s="344"/>
      <c r="J341" s="114">
        <f t="shared" si="7"/>
        <v>7</v>
      </c>
      <c r="K341" s="68" t="str">
        <f t="shared" si="8"/>
        <v/>
      </c>
      <c r="L341" s="117">
        <v>2</v>
      </c>
      <c r="M341" s="117">
        <v>5</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row>
    <row r="343" spans="1:22" s="70" customFormat="1" ht="34.5" customHeight="1" x14ac:dyDescent="0.15">
      <c r="A343" s="195" t="s">
        <v>373</v>
      </c>
      <c r="B343" s="99"/>
      <c r="C343" s="333"/>
      <c r="D343" s="333"/>
      <c r="E343" s="261" t="s">
        <v>156</v>
      </c>
      <c r="F343" s="262"/>
      <c r="G343" s="262"/>
      <c r="H343" s="263"/>
      <c r="I343" s="344"/>
      <c r="J343" s="114">
        <f t="shared" si="7"/>
        <v>16</v>
      </c>
      <c r="K343" s="68" t="str">
        <f t="shared" si="8"/>
        <v/>
      </c>
      <c r="L343" s="117">
        <v>9</v>
      </c>
      <c r="M343" s="117">
        <v>7</v>
      </c>
    </row>
    <row r="344" spans="1:22" s="70" customFormat="1" ht="34.5" customHeight="1" x14ac:dyDescent="0.15">
      <c r="A344" s="195" t="s">
        <v>374</v>
      </c>
      <c r="B344" s="99"/>
      <c r="C344" s="333"/>
      <c r="D344" s="333"/>
      <c r="E344" s="261" t="s">
        <v>157</v>
      </c>
      <c r="F344" s="262"/>
      <c r="G344" s="262"/>
      <c r="H344" s="263"/>
      <c r="I344" s="344"/>
      <c r="J344" s="114">
        <f t="shared" si="7"/>
        <v>100</v>
      </c>
      <c r="K344" s="68" t="str">
        <f t="shared" si="8"/>
        <v/>
      </c>
      <c r="L344" s="117">
        <v>53</v>
      </c>
      <c r="M344" s="117">
        <v>47</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1</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0</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183</v>
      </c>
      <c r="K353" s="156" t="str">
        <f>IF(OR(COUNTIF(L353:M353,"未確認")&gt;0,COUNTIF(L353:M353,"~*")&gt;0),"※","")</f>
        <v/>
      </c>
      <c r="L353" s="117">
        <v>101</v>
      </c>
      <c r="M353" s="117">
        <v>82</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47</v>
      </c>
      <c r="K354" s="156" t="str">
        <f>IF(OR(COUNTIF(L354:M354,"未確認")&gt;0,COUNTIF(L354:M354,"~*")&gt;0),"※","")</f>
        <v/>
      </c>
      <c r="L354" s="117">
        <v>28</v>
      </c>
      <c r="M354" s="117">
        <v>19</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24</v>
      </c>
      <c r="K355" s="156" t="str">
        <f>IF(OR(COUNTIF(L355:M355,"未確認")&gt;0,COUNTIF(L355:M355,"~*")&gt;0),"※","")</f>
        <v/>
      </c>
      <c r="L355" s="117">
        <v>10</v>
      </c>
      <c r="M355" s="117">
        <v>14</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112</v>
      </c>
      <c r="K356" s="156" t="str">
        <f>IF(OR(COUNTIF(L356:M356,"未確認")&gt;0,COUNTIF(L356:M356,"~*")&gt;0),"※","")</f>
        <v/>
      </c>
      <c r="L356" s="117">
        <v>63</v>
      </c>
      <c r="M356" s="117">
        <v>49</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0</v>
      </c>
      <c r="K357" s="156" t="str">
        <f>IF(OR(COUNTIF(L357:M357,"未確認")&gt;0,COUNTIF(L357:M357,"~*")&gt;0),"※","")</f>
        <v/>
      </c>
      <c r="L357" s="117">
        <v>0</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1</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0</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14</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6</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8</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29</v>
      </c>
      <c r="M389" s="253" t="s">
        <v>431</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0</v>
      </c>
      <c r="M390" s="60" t="s">
        <v>430</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1</v>
      </c>
    </row>
    <row r="397" spans="1:22" s="1" customFormat="1" ht="20.25" customHeight="1" x14ac:dyDescent="0.15">
      <c r="A397" s="188"/>
      <c r="C397" s="52"/>
      <c r="D397" s="3"/>
      <c r="E397" s="3"/>
      <c r="F397" s="3"/>
      <c r="G397" s="3"/>
      <c r="H397" s="228"/>
      <c r="I397" s="57" t="s">
        <v>28</v>
      </c>
      <c r="J397" s="58"/>
      <c r="K397" s="149"/>
      <c r="L397" s="60" t="s">
        <v>430</v>
      </c>
      <c r="M397" s="60" t="s">
        <v>430</v>
      </c>
    </row>
    <row r="398" spans="1:22" s="95" customFormat="1" ht="113.65" customHeight="1" x14ac:dyDescent="0.15">
      <c r="A398" s="195" t="s">
        <v>205</v>
      </c>
      <c r="B398" s="99"/>
      <c r="C398" s="299" t="s">
        <v>204</v>
      </c>
      <c r="D398" s="300"/>
      <c r="E398" s="300"/>
      <c r="F398" s="300"/>
      <c r="G398" s="300"/>
      <c r="H398" s="301"/>
      <c r="I398" s="237" t="s">
        <v>395</v>
      </c>
      <c r="J398" s="175"/>
      <c r="K398" s="187"/>
      <c r="L398" s="169" t="s">
        <v>428</v>
      </c>
      <c r="M398" s="169" t="s">
        <v>428</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0</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1</v>
      </c>
    </row>
    <row r="429" spans="1:22" s="1" customFormat="1" ht="19.899999999999999" customHeight="1" x14ac:dyDescent="0.15">
      <c r="A429" s="188"/>
      <c r="C429" s="52"/>
      <c r="D429" s="3"/>
      <c r="E429" s="3"/>
      <c r="F429" s="3"/>
      <c r="G429" s="3"/>
      <c r="H429" s="228"/>
      <c r="I429" s="57" t="s">
        <v>28</v>
      </c>
      <c r="J429" s="58"/>
      <c r="K429" s="149"/>
      <c r="L429" s="60" t="s">
        <v>430</v>
      </c>
      <c r="M429" s="60" t="s">
        <v>430</v>
      </c>
    </row>
    <row r="430" spans="1:22" s="95" customFormat="1" ht="35.1" customHeight="1" x14ac:dyDescent="0.15">
      <c r="A430" s="195" t="s">
        <v>227</v>
      </c>
      <c r="B430" s="71"/>
      <c r="C430" s="302" t="s">
        <v>248</v>
      </c>
      <c r="D430" s="303"/>
      <c r="E430" s="303"/>
      <c r="F430" s="303"/>
      <c r="G430" s="303"/>
      <c r="H430" s="304"/>
      <c r="I430" s="321" t="s">
        <v>178</v>
      </c>
      <c r="J430" s="114">
        <v>45</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0</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20</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0</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0</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1</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0</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8:38Z</cp:lastPrinted>
  <dcterms:created xsi:type="dcterms:W3CDTF">2019-03-05T10:58:25Z</dcterms:created>
  <dcterms:modified xsi:type="dcterms:W3CDTF">2021-05-24T00:18:38Z</dcterms:modified>
</cp:coreProperties>
</file>